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4941\Desktop\全国福祉高等学校長会HP関係\"/>
    </mc:Choice>
  </mc:AlternateContent>
  <xr:revisionPtr revIDLastSave="0" documentId="8_{23599B79-B6BE-4614-9C6F-6B24C94F41CA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解答予想" sheetId="21" r:id="rId1"/>
  </sheets>
  <definedNames>
    <definedName name="_xlnm.Print_Area" localSheetId="0">解答予想!$A$1:$L$35</definedName>
  </definedNames>
  <calcPr calcId="162913"/>
</workbook>
</file>

<file path=xl/sharedStrings.xml><?xml version="1.0" encoding="utf-8"?>
<sst xmlns="http://schemas.openxmlformats.org/spreadsheetml/2006/main" count="27" uniqueCount="19">
  <si>
    <t>№</t>
    <phoneticPr fontId="1"/>
  </si>
  <si>
    <t>人間の尊厳と自立</t>
    <rPh sb="0" eb="2">
      <t>ニンゲン</t>
    </rPh>
    <rPh sb="3" eb="5">
      <t>ソンゲン</t>
    </rPh>
    <rPh sb="6" eb="8">
      <t>ジリツ</t>
    </rPh>
    <phoneticPr fontId="1"/>
  </si>
  <si>
    <t>科目</t>
    <rPh sb="0" eb="2">
      <t>カモク</t>
    </rPh>
    <phoneticPr fontId="1"/>
  </si>
  <si>
    <t>人間関係とコミュニケーション</t>
    <rPh sb="0" eb="4">
      <t>ニンゲンカンケイ</t>
    </rPh>
    <phoneticPr fontId="1"/>
  </si>
  <si>
    <t>社会の理解</t>
    <rPh sb="0" eb="2">
      <t>シャカイ</t>
    </rPh>
    <rPh sb="3" eb="5">
      <t>リカイ</t>
    </rPh>
    <phoneticPr fontId="1"/>
  </si>
  <si>
    <t>こころとからだのしくみ</t>
    <phoneticPr fontId="1"/>
  </si>
  <si>
    <t>認知症の理解</t>
    <rPh sb="0" eb="3">
      <t>ニンチショウ</t>
    </rPh>
    <rPh sb="4" eb="6">
      <t>リカイ</t>
    </rPh>
    <phoneticPr fontId="1"/>
  </si>
  <si>
    <t>発達と老化の理解</t>
    <rPh sb="0" eb="2">
      <t>ハッタツ</t>
    </rPh>
    <rPh sb="3" eb="5">
      <t>ロウカ</t>
    </rPh>
    <rPh sb="6" eb="8">
      <t>リカイ</t>
    </rPh>
    <phoneticPr fontId="1"/>
  </si>
  <si>
    <t>解答
予想</t>
    <rPh sb="0" eb="2">
      <t>カイトウ</t>
    </rPh>
    <rPh sb="3" eb="5">
      <t>ヨソウ</t>
    </rPh>
    <phoneticPr fontId="1"/>
  </si>
  <si>
    <t>障害の理解</t>
    <rPh sb="0" eb="2">
      <t>ショウガイ</t>
    </rPh>
    <rPh sb="3" eb="5">
      <t>リカイ</t>
    </rPh>
    <phoneticPr fontId="1"/>
  </si>
  <si>
    <t>医療的ケア</t>
    <rPh sb="0" eb="3">
      <t>イリョウテキ</t>
    </rPh>
    <phoneticPr fontId="1"/>
  </si>
  <si>
    <t>№</t>
  </si>
  <si>
    <t>介護の基本</t>
    <rPh sb="0" eb="2">
      <t>カイゴ</t>
    </rPh>
    <rPh sb="3" eb="5">
      <t>キホン</t>
    </rPh>
    <phoneticPr fontId="1"/>
  </si>
  <si>
    <t>コミュニケーション技術</t>
    <rPh sb="9" eb="11">
      <t>ギジュツ</t>
    </rPh>
    <phoneticPr fontId="1"/>
  </si>
  <si>
    <t>生活支援技術</t>
    <rPh sb="0" eb="4">
      <t>セイカツシエン</t>
    </rPh>
    <rPh sb="4" eb="6">
      <t>ギジュツ</t>
    </rPh>
    <phoneticPr fontId="1"/>
  </si>
  <si>
    <t>生活支援技術</t>
    <rPh sb="0" eb="6">
      <t>セイカツシエンギジュツ</t>
    </rPh>
    <phoneticPr fontId="1"/>
  </si>
  <si>
    <t>介護過程</t>
    <rPh sb="0" eb="4">
      <t>カイゴカテイ</t>
    </rPh>
    <phoneticPr fontId="1"/>
  </si>
  <si>
    <t>総合問題</t>
    <rPh sb="0" eb="4">
      <t>ソウゴウモンダイ</t>
    </rPh>
    <phoneticPr fontId="1"/>
  </si>
  <si>
    <t>第36回　介護福祉士国家試験 解答予想　（全国福祉高等学校長会）</t>
    <rPh sb="0" eb="1">
      <t>ダイ</t>
    </rPh>
    <rPh sb="3" eb="4">
      <t>カイ</t>
    </rPh>
    <rPh sb="5" eb="7">
      <t>カイゴ</t>
    </rPh>
    <rPh sb="7" eb="10">
      <t>フクシシ</t>
    </rPh>
    <rPh sb="10" eb="12">
      <t>コッカ</t>
    </rPh>
    <rPh sb="12" eb="14">
      <t>シケン</t>
    </rPh>
    <rPh sb="15" eb="17">
      <t>カイトウ</t>
    </rPh>
    <rPh sb="17" eb="19">
      <t>ヨソウ</t>
    </rPh>
    <rPh sb="21" eb="23">
      <t>ゼンコク</t>
    </rPh>
    <rPh sb="23" eb="25">
      <t>フクシ</t>
    </rPh>
    <rPh sb="25" eb="27">
      <t>コウトウ</t>
    </rPh>
    <rPh sb="27" eb="29">
      <t>ガッコウ</t>
    </rPh>
    <rPh sb="29" eb="30">
      <t>チョウ</t>
    </rPh>
    <rPh sb="30" eb="31">
      <t>カ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6"/>
      <name val="ＭＳ 明朝"/>
      <family val="1"/>
      <charset val="128"/>
    </font>
    <font>
      <sz val="14"/>
      <name val="ＭＳ 明朝"/>
      <family val="1"/>
      <charset val="128"/>
    </font>
    <font>
      <sz val="9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3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</borders>
  <cellStyleXfs count="1">
    <xf numFmtId="0" fontId="0" fillId="0" borderId="0"/>
  </cellStyleXfs>
  <cellXfs count="103">
    <xf numFmtId="0" fontId="0" fillId="0" borderId="0" xfId="0"/>
    <xf numFmtId="0" fontId="0" fillId="0" borderId="0" xfId="0" applyAlignment="1">
      <alignment horizontal="center"/>
    </xf>
    <xf numFmtId="0" fontId="2" fillId="0" borderId="1" xfId="0" applyFont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4" xfId="0" applyFont="1" applyBorder="1" applyAlignment="1">
      <alignment horizontal="center"/>
    </xf>
    <xf numFmtId="0" fontId="2" fillId="0" borderId="8" xfId="0" applyFont="1" applyBorder="1" applyAlignment="1">
      <alignment horizontal="center"/>
    </xf>
    <xf numFmtId="0" fontId="2" fillId="0" borderId="9" xfId="0" applyFont="1" applyBorder="1" applyAlignment="1">
      <alignment horizontal="center"/>
    </xf>
    <xf numFmtId="0" fontId="2" fillId="0" borderId="10" xfId="0" applyFont="1" applyBorder="1" applyAlignment="1">
      <alignment horizontal="center"/>
    </xf>
    <xf numFmtId="0" fontId="2" fillId="0" borderId="11" xfId="0" applyFont="1" applyBorder="1" applyAlignment="1">
      <alignment horizontal="center"/>
    </xf>
    <xf numFmtId="0" fontId="2" fillId="0" borderId="12" xfId="0" applyFont="1" applyBorder="1" applyAlignment="1">
      <alignment horizontal="center"/>
    </xf>
    <xf numFmtId="0" fontId="2" fillId="0" borderId="13" xfId="0" applyFont="1" applyBorder="1" applyAlignment="1">
      <alignment horizontal="center"/>
    </xf>
    <xf numFmtId="0" fontId="2" fillId="0" borderId="14" xfId="0" applyFont="1" applyBorder="1" applyAlignment="1">
      <alignment horizontal="center"/>
    </xf>
    <xf numFmtId="0" fontId="2" fillId="0" borderId="15" xfId="0" applyFont="1" applyBorder="1" applyAlignment="1">
      <alignment horizontal="center"/>
    </xf>
    <xf numFmtId="0" fontId="0" fillId="0" borderId="0" xfId="0" applyBorder="1"/>
    <xf numFmtId="0" fontId="0" fillId="0" borderId="0" xfId="0" applyBorder="1" applyAlignment="1">
      <alignment vertical="top"/>
    </xf>
    <xf numFmtId="0" fontId="0" fillId="0" borderId="0" xfId="0" applyAlignment="1">
      <alignment vertical="center"/>
    </xf>
    <xf numFmtId="0" fontId="2" fillId="0" borderId="16" xfId="0" applyFont="1" applyBorder="1" applyAlignment="1">
      <alignment horizontal="center"/>
    </xf>
    <xf numFmtId="0" fontId="2" fillId="0" borderId="17" xfId="0" applyFont="1" applyBorder="1" applyAlignment="1">
      <alignment horizontal="center"/>
    </xf>
    <xf numFmtId="0" fontId="2" fillId="0" borderId="18" xfId="0" applyFont="1" applyBorder="1" applyAlignment="1">
      <alignment horizontal="center"/>
    </xf>
    <xf numFmtId="0" fontId="2" fillId="0" borderId="20" xfId="0" applyFont="1" applyBorder="1" applyAlignment="1">
      <alignment horizontal="center"/>
    </xf>
    <xf numFmtId="0" fontId="2" fillId="0" borderId="21" xfId="0" applyFont="1" applyBorder="1" applyAlignment="1">
      <alignment horizontal="center"/>
    </xf>
    <xf numFmtId="0" fontId="2" fillId="0" borderId="23" xfId="0" applyFont="1" applyBorder="1" applyAlignment="1">
      <alignment horizontal="center"/>
    </xf>
    <xf numFmtId="0" fontId="2" fillId="0" borderId="24" xfId="0" applyFont="1" applyBorder="1" applyAlignment="1">
      <alignment horizontal="center"/>
    </xf>
    <xf numFmtId="0" fontId="2" fillId="0" borderId="25" xfId="0" applyFont="1" applyBorder="1" applyAlignment="1">
      <alignment horizontal="center"/>
    </xf>
    <xf numFmtId="0" fontId="0" fillId="0" borderId="0" xfId="0" applyBorder="1" applyAlignment="1">
      <alignment vertical="top" wrapText="1"/>
    </xf>
    <xf numFmtId="0" fontId="2" fillId="0" borderId="27" xfId="0" applyFont="1" applyBorder="1" applyAlignment="1">
      <alignment horizontal="center"/>
    </xf>
    <xf numFmtId="0" fontId="2" fillId="0" borderId="26" xfId="0" applyFont="1" applyBorder="1" applyAlignment="1">
      <alignment horizontal="center"/>
    </xf>
    <xf numFmtId="0" fontId="2" fillId="0" borderId="0" xfId="0" applyFont="1" applyBorder="1" applyAlignment="1">
      <alignment horizontal="center"/>
    </xf>
    <xf numFmtId="0" fontId="2" fillId="0" borderId="28" xfId="0" applyFont="1" applyBorder="1" applyAlignment="1">
      <alignment horizontal="center"/>
    </xf>
    <xf numFmtId="0" fontId="2" fillId="0" borderId="30" xfId="0" applyFont="1" applyBorder="1" applyAlignment="1">
      <alignment horizontal="center"/>
    </xf>
    <xf numFmtId="0" fontId="2" fillId="0" borderId="31" xfId="0" applyFont="1" applyBorder="1" applyAlignment="1">
      <alignment horizontal="center"/>
    </xf>
    <xf numFmtId="0" fontId="4" fillId="0" borderId="0" xfId="0" applyFont="1" applyBorder="1" applyAlignment="1">
      <alignment vertical="center" wrapText="1"/>
    </xf>
    <xf numFmtId="0" fontId="2" fillId="0" borderId="39" xfId="0" applyFont="1" applyBorder="1" applyAlignment="1">
      <alignment horizontal="center"/>
    </xf>
    <xf numFmtId="0" fontId="0" fillId="0" borderId="0" xfId="0" applyBorder="1" applyAlignment="1">
      <alignment horizontal="center"/>
    </xf>
    <xf numFmtId="0" fontId="2" fillId="0" borderId="42" xfId="0" applyFont="1" applyBorder="1" applyAlignment="1">
      <alignment horizontal="center"/>
    </xf>
    <xf numFmtId="0" fontId="4" fillId="0" borderId="32" xfId="0" applyFont="1" applyBorder="1" applyAlignment="1">
      <alignment vertical="center"/>
    </xf>
    <xf numFmtId="0" fontId="2" fillId="0" borderId="32" xfId="0" applyFont="1" applyBorder="1" applyAlignment="1">
      <alignment horizontal="center"/>
    </xf>
    <xf numFmtId="0" fontId="0" fillId="0" borderId="32" xfId="0" applyBorder="1" applyAlignment="1">
      <alignment horizontal="center"/>
    </xf>
    <xf numFmtId="0" fontId="2" fillId="2" borderId="18" xfId="0" applyFont="1" applyFill="1" applyBorder="1" applyAlignment="1">
      <alignment horizontal="center"/>
    </xf>
    <xf numFmtId="0" fontId="2" fillId="2" borderId="6" xfId="0" applyFont="1" applyFill="1" applyBorder="1" applyAlignment="1">
      <alignment horizontal="center"/>
    </xf>
    <xf numFmtId="0" fontId="2" fillId="2" borderId="7" xfId="0" applyFont="1" applyFill="1" applyBorder="1" applyAlignment="1">
      <alignment horizontal="center"/>
    </xf>
    <xf numFmtId="0" fontId="4" fillId="2" borderId="38" xfId="0" applyFont="1" applyFill="1" applyBorder="1" applyAlignment="1">
      <alignment horizontal="center" vertical="center" wrapText="1"/>
    </xf>
    <xf numFmtId="0" fontId="4" fillId="2" borderId="22" xfId="0" applyFont="1" applyFill="1" applyBorder="1" applyAlignment="1">
      <alignment horizontal="center" vertical="center" wrapText="1"/>
    </xf>
    <xf numFmtId="0" fontId="2" fillId="2" borderId="29" xfId="0" applyFont="1" applyFill="1" applyBorder="1" applyAlignment="1">
      <alignment horizontal="center"/>
    </xf>
    <xf numFmtId="0" fontId="2" fillId="2" borderId="12" xfId="0" applyFont="1" applyFill="1" applyBorder="1" applyAlignment="1">
      <alignment horizontal="center"/>
    </xf>
    <xf numFmtId="0" fontId="2" fillId="2" borderId="13" xfId="0" applyFont="1" applyFill="1" applyBorder="1" applyAlignment="1">
      <alignment horizontal="center"/>
    </xf>
    <xf numFmtId="0" fontId="2" fillId="2" borderId="3" xfId="0" applyFont="1" applyFill="1" applyBorder="1" applyAlignment="1">
      <alignment horizontal="center"/>
    </xf>
    <xf numFmtId="0" fontId="2" fillId="2" borderId="4" xfId="0" applyFont="1" applyFill="1" applyBorder="1" applyAlignment="1">
      <alignment horizontal="center"/>
    </xf>
    <xf numFmtId="0" fontId="2" fillId="2" borderId="23" xfId="0" applyFont="1" applyFill="1" applyBorder="1" applyAlignment="1">
      <alignment horizontal="center"/>
    </xf>
    <xf numFmtId="0" fontId="2" fillId="2" borderId="28" xfId="0" applyFont="1" applyFill="1" applyBorder="1" applyAlignment="1">
      <alignment horizontal="center"/>
    </xf>
    <xf numFmtId="0" fontId="2" fillId="2" borderId="30" xfId="0" applyFont="1" applyFill="1" applyBorder="1" applyAlignment="1">
      <alignment horizontal="center"/>
    </xf>
    <xf numFmtId="0" fontId="2" fillId="2" borderId="26" xfId="0" applyFont="1" applyFill="1" applyBorder="1" applyAlignment="1">
      <alignment horizontal="center"/>
    </xf>
    <xf numFmtId="0" fontId="2" fillId="2" borderId="39" xfId="0" applyFont="1" applyFill="1" applyBorder="1" applyAlignment="1">
      <alignment horizontal="center"/>
    </xf>
    <xf numFmtId="0" fontId="2" fillId="2" borderId="40" xfId="0" applyFont="1" applyFill="1" applyBorder="1" applyAlignment="1">
      <alignment horizontal="center"/>
    </xf>
    <xf numFmtId="0" fontId="2" fillId="2" borderId="31" xfId="0" applyFont="1" applyFill="1" applyBorder="1" applyAlignment="1">
      <alignment horizontal="center"/>
    </xf>
    <xf numFmtId="0" fontId="2" fillId="2" borderId="16" xfId="0" applyFont="1" applyFill="1" applyBorder="1" applyAlignment="1">
      <alignment horizontal="center"/>
    </xf>
    <xf numFmtId="0" fontId="2" fillId="2" borderId="17" xfId="0" applyFont="1" applyFill="1" applyBorder="1" applyAlignment="1">
      <alignment horizontal="center"/>
    </xf>
    <xf numFmtId="0" fontId="2" fillId="2" borderId="5" xfId="0" applyFont="1" applyFill="1" applyBorder="1" applyAlignment="1">
      <alignment horizontal="center"/>
    </xf>
    <xf numFmtId="0" fontId="2" fillId="2" borderId="9" xfId="0" applyFont="1" applyFill="1" applyBorder="1" applyAlignment="1">
      <alignment horizontal="center"/>
    </xf>
    <xf numFmtId="0" fontId="2" fillId="2" borderId="14" xfId="0" applyFont="1" applyFill="1" applyBorder="1" applyAlignment="1">
      <alignment horizontal="center"/>
    </xf>
    <xf numFmtId="0" fontId="2" fillId="2" borderId="8" xfId="0" applyFont="1" applyFill="1" applyBorder="1" applyAlignment="1">
      <alignment horizontal="center"/>
    </xf>
    <xf numFmtId="0" fontId="2" fillId="2" borderId="24" xfId="0" applyFont="1" applyFill="1" applyBorder="1" applyAlignment="1">
      <alignment horizontal="center"/>
    </xf>
    <xf numFmtId="0" fontId="2" fillId="2" borderId="1" xfId="0" applyFont="1" applyFill="1" applyBorder="1" applyAlignment="1">
      <alignment horizontal="center"/>
    </xf>
    <xf numFmtId="0" fontId="2" fillId="2" borderId="10" xfId="0" applyFont="1" applyFill="1" applyBorder="1" applyAlignment="1">
      <alignment horizontal="center"/>
    </xf>
    <xf numFmtId="0" fontId="2" fillId="0" borderId="15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2" borderId="20" xfId="0" applyFont="1" applyFill="1" applyBorder="1" applyAlignment="1">
      <alignment horizontal="center"/>
    </xf>
    <xf numFmtId="0" fontId="3" fillId="0" borderId="0" xfId="0" applyFont="1" applyBorder="1" applyAlignment="1">
      <alignment horizontal="left" vertical="center"/>
    </xf>
    <xf numFmtId="0" fontId="4" fillId="0" borderId="33" xfId="0" applyFont="1" applyBorder="1" applyAlignment="1">
      <alignment horizontal="left" vertical="center" wrapText="1" shrinkToFit="1"/>
    </xf>
    <xf numFmtId="0" fontId="4" fillId="0" borderId="34" xfId="0" applyFont="1" applyBorder="1" applyAlignment="1">
      <alignment horizontal="left" vertical="center" wrapText="1" shrinkToFit="1"/>
    </xf>
    <xf numFmtId="0" fontId="4" fillId="2" borderId="33" xfId="0" applyFont="1" applyFill="1" applyBorder="1" applyAlignment="1">
      <alignment horizontal="left" vertical="center" wrapText="1"/>
    </xf>
    <xf numFmtId="0" fontId="4" fillId="2" borderId="35" xfId="0" applyFont="1" applyFill="1" applyBorder="1" applyAlignment="1">
      <alignment horizontal="left" vertical="center" wrapText="1"/>
    </xf>
    <xf numFmtId="0" fontId="4" fillId="2" borderId="34" xfId="0" applyFont="1" applyFill="1" applyBorder="1" applyAlignment="1">
      <alignment horizontal="left" vertical="center" wrapText="1"/>
    </xf>
    <xf numFmtId="0" fontId="4" fillId="0" borderId="33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2" borderId="36" xfId="0" applyFont="1" applyFill="1" applyBorder="1" applyAlignment="1">
      <alignment horizontal="left" vertical="center" wrapText="1"/>
    </xf>
    <xf numFmtId="0" fontId="4" fillId="0" borderId="33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center" vertical="center"/>
    </xf>
    <xf numFmtId="0" fontId="4" fillId="0" borderId="37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4" fillId="0" borderId="41" xfId="0" applyFont="1" applyBorder="1" applyAlignment="1">
      <alignment horizontal="left" vertical="center"/>
    </xf>
    <xf numFmtId="0" fontId="4" fillId="2" borderId="33" xfId="0" applyFont="1" applyFill="1" applyBorder="1" applyAlignment="1">
      <alignment horizontal="left" vertical="center"/>
    </xf>
    <xf numFmtId="0" fontId="4" fillId="2" borderId="35" xfId="0" applyFont="1" applyFill="1" applyBorder="1" applyAlignment="1">
      <alignment horizontal="left" vertical="center"/>
    </xf>
    <xf numFmtId="0" fontId="4" fillId="2" borderId="34" xfId="0" applyFont="1" applyFill="1" applyBorder="1" applyAlignment="1">
      <alignment horizontal="left" vertical="center"/>
    </xf>
    <xf numFmtId="0" fontId="4" fillId="0" borderId="33" xfId="0" applyFont="1" applyBorder="1" applyAlignment="1">
      <alignment horizontal="left" vertical="center"/>
    </xf>
    <xf numFmtId="0" fontId="4" fillId="0" borderId="35" xfId="0" applyFont="1" applyBorder="1" applyAlignment="1">
      <alignment horizontal="left" vertical="center"/>
    </xf>
    <xf numFmtId="0" fontId="4" fillId="0" borderId="36" xfId="0" applyFont="1" applyBorder="1" applyAlignment="1">
      <alignment horizontal="left" vertical="center"/>
    </xf>
    <xf numFmtId="0" fontId="4" fillId="2" borderId="33" xfId="0" applyFont="1" applyFill="1" applyBorder="1" applyAlignment="1">
      <alignment horizontal="center" vertical="center"/>
    </xf>
    <xf numFmtId="0" fontId="4" fillId="2" borderId="35" xfId="0" applyFont="1" applyFill="1" applyBorder="1" applyAlignment="1">
      <alignment horizontal="center" vertical="center"/>
    </xf>
    <xf numFmtId="0" fontId="4" fillId="2" borderId="36" xfId="0" applyFont="1" applyFill="1" applyBorder="1" applyAlignment="1">
      <alignment horizontal="center" vertical="center"/>
    </xf>
    <xf numFmtId="0" fontId="4" fillId="0" borderId="33" xfId="0" applyFont="1" applyBorder="1" applyAlignment="1">
      <alignment horizontal="center" vertical="center" wrapText="1"/>
    </xf>
    <xf numFmtId="0" fontId="4" fillId="0" borderId="35" xfId="0" applyFont="1" applyBorder="1" applyAlignment="1">
      <alignment horizontal="center" vertical="center" wrapText="1"/>
    </xf>
    <xf numFmtId="0" fontId="4" fillId="0" borderId="34" xfId="0" applyFont="1" applyBorder="1" applyAlignment="1">
      <alignment horizontal="center" vertical="center" wrapText="1"/>
    </xf>
    <xf numFmtId="0" fontId="4" fillId="2" borderId="33" xfId="0" applyFont="1" applyFill="1" applyBorder="1" applyAlignment="1">
      <alignment horizontal="center" vertical="center" wrapText="1"/>
    </xf>
    <xf numFmtId="0" fontId="4" fillId="2" borderId="35" xfId="0" applyFont="1" applyFill="1" applyBorder="1" applyAlignment="1">
      <alignment horizontal="center" vertical="center" wrapText="1"/>
    </xf>
    <xf numFmtId="0" fontId="4" fillId="2" borderId="34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40"/>
  <sheetViews>
    <sheetView tabSelected="1" view="pageBreakPreview" zoomScaleNormal="100" zoomScaleSheetLayoutView="100" workbookViewId="0">
      <selection activeCell="J3" sqref="J3:J11"/>
    </sheetView>
  </sheetViews>
  <sheetFormatPr defaultRowHeight="14.25" x14ac:dyDescent="0.15"/>
  <cols>
    <col min="1" max="1" width="10.25" style="1" customWidth="1"/>
    <col min="2" max="2" width="5.875" style="1" customWidth="1"/>
    <col min="3" max="3" width="4.5" style="1" bestFit="1" customWidth="1"/>
    <col min="4" max="4" width="10.25" style="1" customWidth="1"/>
    <col min="5" max="5" width="5.875" style="1" customWidth="1"/>
    <col min="6" max="6" width="4.5" style="1" bestFit="1" customWidth="1"/>
    <col min="7" max="7" width="10.25" style="1" customWidth="1"/>
    <col min="8" max="8" width="5.875" style="1" customWidth="1"/>
    <col min="9" max="9" width="4.5" style="1" bestFit="1" customWidth="1"/>
    <col min="10" max="10" width="10.25" style="1" customWidth="1"/>
    <col min="11" max="11" width="5.875" style="1" bestFit="1" customWidth="1"/>
    <col min="12" max="12" width="4.5" style="1" bestFit="1" customWidth="1"/>
  </cols>
  <sheetData>
    <row r="1" spans="1:12" ht="18.75" customHeight="1" thickBot="1" x14ac:dyDescent="0.2">
      <c r="A1" s="71" t="s">
        <v>18</v>
      </c>
      <c r="B1" s="71"/>
      <c r="C1" s="71"/>
      <c r="D1" s="71"/>
      <c r="E1" s="71"/>
      <c r="F1" s="71"/>
      <c r="G1" s="71"/>
      <c r="H1" s="71"/>
      <c r="I1" s="71"/>
      <c r="J1" s="71"/>
      <c r="K1" s="71"/>
      <c r="L1" s="71"/>
    </row>
    <row r="2" spans="1:12" ht="21.95" customHeight="1" x14ac:dyDescent="0.2">
      <c r="A2" s="40" t="s">
        <v>2</v>
      </c>
      <c r="B2" s="41" t="s">
        <v>0</v>
      </c>
      <c r="C2" s="42" t="s">
        <v>8</v>
      </c>
      <c r="D2" s="40" t="s">
        <v>2</v>
      </c>
      <c r="E2" s="41" t="s">
        <v>0</v>
      </c>
      <c r="F2" s="43" t="s">
        <v>8</v>
      </c>
      <c r="G2" s="40" t="s">
        <v>2</v>
      </c>
      <c r="H2" s="41" t="s">
        <v>11</v>
      </c>
      <c r="I2" s="43" t="s">
        <v>8</v>
      </c>
      <c r="J2" s="40" t="s">
        <v>2</v>
      </c>
      <c r="K2" s="44" t="s">
        <v>11</v>
      </c>
      <c r="L2" s="43" t="s">
        <v>8</v>
      </c>
    </row>
    <row r="3" spans="1:12" ht="21" customHeight="1" x14ac:dyDescent="0.2">
      <c r="A3" s="72" t="s">
        <v>1</v>
      </c>
      <c r="B3" s="10">
        <v>1</v>
      </c>
      <c r="C3" s="30">
        <v>5</v>
      </c>
      <c r="D3" s="97" t="s">
        <v>7</v>
      </c>
      <c r="E3" s="21">
        <v>31</v>
      </c>
      <c r="F3" s="24">
        <v>3</v>
      </c>
      <c r="G3" s="81" t="s">
        <v>12</v>
      </c>
      <c r="H3" s="3">
        <v>64</v>
      </c>
      <c r="I3" s="12">
        <v>5</v>
      </c>
      <c r="J3" s="85" t="s">
        <v>15</v>
      </c>
      <c r="K3" s="3">
        <v>97</v>
      </c>
      <c r="L3" s="66">
        <v>1</v>
      </c>
    </row>
    <row r="4" spans="1:12" ht="21.95" customHeight="1" x14ac:dyDescent="0.2">
      <c r="A4" s="73"/>
      <c r="B4" s="11">
        <v>2</v>
      </c>
      <c r="C4" s="33">
        <v>2</v>
      </c>
      <c r="D4" s="98"/>
      <c r="E4" s="5">
        <v>32</v>
      </c>
      <c r="F4" s="17">
        <v>3</v>
      </c>
      <c r="G4" s="82"/>
      <c r="H4" s="4">
        <v>65</v>
      </c>
      <c r="I4" s="6">
        <v>5</v>
      </c>
      <c r="J4" s="86"/>
      <c r="K4" s="30">
        <v>98</v>
      </c>
      <c r="L4" s="67">
        <v>2</v>
      </c>
    </row>
    <row r="5" spans="1:12" ht="21.95" customHeight="1" x14ac:dyDescent="0.2">
      <c r="A5" s="74" t="s">
        <v>3</v>
      </c>
      <c r="B5" s="45">
        <v>3</v>
      </c>
      <c r="C5" s="51">
        <v>5</v>
      </c>
      <c r="D5" s="98"/>
      <c r="E5" s="10">
        <v>33</v>
      </c>
      <c r="F5" s="19">
        <v>5</v>
      </c>
      <c r="G5" s="82"/>
      <c r="H5" s="4">
        <v>66</v>
      </c>
      <c r="I5" s="6">
        <v>3</v>
      </c>
      <c r="J5" s="86"/>
      <c r="K5" s="27">
        <v>99</v>
      </c>
      <c r="L5" s="68">
        <v>4</v>
      </c>
    </row>
    <row r="6" spans="1:12" ht="21.95" customHeight="1" x14ac:dyDescent="0.2">
      <c r="A6" s="75"/>
      <c r="B6" s="47">
        <v>4</v>
      </c>
      <c r="C6" s="52">
        <v>3</v>
      </c>
      <c r="D6" s="98"/>
      <c r="E6" s="5">
        <v>34</v>
      </c>
      <c r="F6" s="19">
        <v>1</v>
      </c>
      <c r="G6" s="82"/>
      <c r="H6" s="4">
        <v>67</v>
      </c>
      <c r="I6" s="6">
        <v>2</v>
      </c>
      <c r="J6" s="86"/>
      <c r="K6" s="27">
        <v>100</v>
      </c>
      <c r="L6" s="68">
        <v>2</v>
      </c>
    </row>
    <row r="7" spans="1:12" ht="21.95" customHeight="1" x14ac:dyDescent="0.2">
      <c r="A7" s="75"/>
      <c r="B7" s="45">
        <v>5</v>
      </c>
      <c r="C7" s="51">
        <v>4</v>
      </c>
      <c r="D7" s="98"/>
      <c r="E7" s="10">
        <v>35</v>
      </c>
      <c r="F7" s="19">
        <v>4</v>
      </c>
      <c r="G7" s="82"/>
      <c r="H7" s="5">
        <v>68</v>
      </c>
      <c r="I7" s="6">
        <v>3</v>
      </c>
      <c r="J7" s="86"/>
      <c r="K7" s="27">
        <v>101</v>
      </c>
      <c r="L7" s="68">
        <v>5</v>
      </c>
    </row>
    <row r="8" spans="1:12" ht="21.95" customHeight="1" x14ac:dyDescent="0.2">
      <c r="A8" s="76"/>
      <c r="B8" s="46">
        <v>6</v>
      </c>
      <c r="C8" s="53">
        <v>1</v>
      </c>
      <c r="D8" s="98"/>
      <c r="E8" s="5">
        <v>36</v>
      </c>
      <c r="F8" s="17">
        <v>5</v>
      </c>
      <c r="G8" s="82"/>
      <c r="H8" s="5">
        <v>69</v>
      </c>
      <c r="I8" s="6">
        <v>4</v>
      </c>
      <c r="J8" s="86"/>
      <c r="K8" s="27">
        <v>102</v>
      </c>
      <c r="L8" s="68">
        <v>3</v>
      </c>
    </row>
    <row r="9" spans="1:12" ht="21.95" customHeight="1" x14ac:dyDescent="0.2">
      <c r="A9" s="77" t="s">
        <v>4</v>
      </c>
      <c r="B9" s="21">
        <v>7</v>
      </c>
      <c r="C9" s="24">
        <v>1</v>
      </c>
      <c r="D9" s="98"/>
      <c r="E9" s="10">
        <v>37</v>
      </c>
      <c r="F9" s="19">
        <v>3</v>
      </c>
      <c r="G9" s="82"/>
      <c r="H9" s="5">
        <v>70</v>
      </c>
      <c r="I9" s="6">
        <v>1</v>
      </c>
      <c r="J9" s="86"/>
      <c r="K9" s="27">
        <v>103</v>
      </c>
      <c r="L9" s="68">
        <v>4</v>
      </c>
    </row>
    <row r="10" spans="1:12" ht="21.95" customHeight="1" x14ac:dyDescent="0.2">
      <c r="A10" s="78"/>
      <c r="B10" s="5">
        <v>8</v>
      </c>
      <c r="C10" s="17">
        <v>3</v>
      </c>
      <c r="D10" s="99"/>
      <c r="E10" s="11">
        <v>38</v>
      </c>
      <c r="F10" s="18">
        <v>4</v>
      </c>
      <c r="G10" s="82"/>
      <c r="H10" s="22">
        <v>71</v>
      </c>
      <c r="I10" s="23">
        <v>3</v>
      </c>
      <c r="J10" s="86"/>
      <c r="K10" s="4">
        <v>104</v>
      </c>
      <c r="L10" s="69">
        <v>2</v>
      </c>
    </row>
    <row r="11" spans="1:12" ht="21.95" customHeight="1" x14ac:dyDescent="0.2">
      <c r="A11" s="78"/>
      <c r="B11" s="5">
        <v>9</v>
      </c>
      <c r="C11" s="17">
        <v>5</v>
      </c>
      <c r="D11" s="100" t="s">
        <v>6</v>
      </c>
      <c r="E11" s="45">
        <v>39</v>
      </c>
      <c r="F11" s="39">
        <v>1</v>
      </c>
      <c r="G11" s="82"/>
      <c r="H11" s="22">
        <v>72</v>
      </c>
      <c r="I11" s="23">
        <v>4</v>
      </c>
      <c r="J11" s="87"/>
      <c r="K11" s="9">
        <v>105</v>
      </c>
      <c r="L11" s="65">
        <v>3</v>
      </c>
    </row>
    <row r="12" spans="1:12" ht="21.95" customHeight="1" x14ac:dyDescent="0.2">
      <c r="A12" s="78"/>
      <c r="B12" s="5">
        <v>10</v>
      </c>
      <c r="C12" s="17">
        <v>5</v>
      </c>
      <c r="D12" s="101"/>
      <c r="E12" s="48">
        <v>40</v>
      </c>
      <c r="F12" s="56">
        <v>1</v>
      </c>
      <c r="G12" s="83"/>
      <c r="H12" s="11">
        <v>73</v>
      </c>
      <c r="I12" s="13">
        <v>5</v>
      </c>
      <c r="J12" s="88" t="s">
        <v>16</v>
      </c>
      <c r="K12" s="63">
        <v>106</v>
      </c>
      <c r="L12" s="60">
        <v>2</v>
      </c>
    </row>
    <row r="13" spans="1:12" ht="21.95" customHeight="1" x14ac:dyDescent="0.2">
      <c r="A13" s="78"/>
      <c r="B13" s="5">
        <v>11</v>
      </c>
      <c r="C13" s="17">
        <v>2</v>
      </c>
      <c r="D13" s="101"/>
      <c r="E13" s="48">
        <v>41</v>
      </c>
      <c r="F13" s="56">
        <v>4</v>
      </c>
      <c r="G13" s="74" t="s">
        <v>13</v>
      </c>
      <c r="H13" s="45">
        <v>74</v>
      </c>
      <c r="I13" s="60">
        <v>2</v>
      </c>
      <c r="J13" s="89"/>
      <c r="K13" s="47">
        <v>107</v>
      </c>
      <c r="L13" s="61">
        <v>4</v>
      </c>
    </row>
    <row r="14" spans="1:12" ht="21.95" customHeight="1" x14ac:dyDescent="0.2">
      <c r="A14" s="78"/>
      <c r="B14" s="5">
        <v>12</v>
      </c>
      <c r="C14" s="17">
        <v>3</v>
      </c>
      <c r="D14" s="101"/>
      <c r="E14" s="48">
        <v>42</v>
      </c>
      <c r="F14" s="56">
        <v>2</v>
      </c>
      <c r="G14" s="75"/>
      <c r="H14" s="48">
        <v>75</v>
      </c>
      <c r="I14" s="61">
        <v>3</v>
      </c>
      <c r="J14" s="89"/>
      <c r="K14" s="47">
        <v>108</v>
      </c>
      <c r="L14" s="61">
        <v>1</v>
      </c>
    </row>
    <row r="15" spans="1:12" ht="21.95" customHeight="1" x14ac:dyDescent="0.2">
      <c r="A15" s="78"/>
      <c r="B15" s="5">
        <v>13</v>
      </c>
      <c r="C15" s="17">
        <v>5</v>
      </c>
      <c r="D15" s="101"/>
      <c r="E15" s="48">
        <v>43</v>
      </c>
      <c r="F15" s="56">
        <v>5</v>
      </c>
      <c r="G15" s="75"/>
      <c r="H15" s="48">
        <v>76</v>
      </c>
      <c r="I15" s="61">
        <v>2</v>
      </c>
      <c r="J15" s="89"/>
      <c r="K15" s="47">
        <v>109</v>
      </c>
      <c r="L15" s="61">
        <v>3</v>
      </c>
    </row>
    <row r="16" spans="1:12" ht="21.95" customHeight="1" x14ac:dyDescent="0.2">
      <c r="A16" s="78"/>
      <c r="B16" s="5">
        <v>14</v>
      </c>
      <c r="C16" s="17">
        <v>4</v>
      </c>
      <c r="D16" s="101"/>
      <c r="E16" s="48">
        <v>44</v>
      </c>
      <c r="F16" s="56">
        <v>3</v>
      </c>
      <c r="G16" s="75"/>
      <c r="H16" s="48">
        <v>77</v>
      </c>
      <c r="I16" s="61">
        <v>2</v>
      </c>
      <c r="J16" s="89"/>
      <c r="K16" s="64">
        <v>110</v>
      </c>
      <c r="L16" s="62">
        <v>5</v>
      </c>
    </row>
    <row r="17" spans="1:14" ht="21.95" customHeight="1" x14ac:dyDescent="0.2">
      <c r="A17" s="78"/>
      <c r="B17" s="5">
        <v>15</v>
      </c>
      <c r="C17" s="17">
        <v>4</v>
      </c>
      <c r="D17" s="101"/>
      <c r="E17" s="48">
        <v>45</v>
      </c>
      <c r="F17" s="56">
        <v>3</v>
      </c>
      <c r="G17" s="75"/>
      <c r="H17" s="48">
        <v>78</v>
      </c>
      <c r="I17" s="61">
        <v>1</v>
      </c>
      <c r="J17" s="89"/>
      <c r="K17" s="64">
        <v>111</v>
      </c>
      <c r="L17" s="62">
        <v>4</v>
      </c>
    </row>
    <row r="18" spans="1:14" ht="21.95" customHeight="1" x14ac:dyDescent="0.2">
      <c r="A18" s="78"/>
      <c r="B18" s="22">
        <v>16</v>
      </c>
      <c r="C18" s="20">
        <v>1</v>
      </c>
      <c r="D18" s="101"/>
      <c r="E18" s="48">
        <v>46</v>
      </c>
      <c r="F18" s="56">
        <v>5</v>
      </c>
      <c r="G18" s="76"/>
      <c r="H18" s="49">
        <v>79</v>
      </c>
      <c r="I18" s="62">
        <v>4</v>
      </c>
      <c r="J18" s="89"/>
      <c r="K18" s="63">
        <v>112</v>
      </c>
      <c r="L18" s="61">
        <v>3</v>
      </c>
    </row>
    <row r="19" spans="1:14" ht="21.95" customHeight="1" x14ac:dyDescent="0.2">
      <c r="A19" s="78"/>
      <c r="B19" s="10">
        <v>17</v>
      </c>
      <c r="C19" s="17">
        <v>3</v>
      </c>
      <c r="D19" s="101"/>
      <c r="E19" s="48">
        <v>47</v>
      </c>
      <c r="F19" s="56">
        <v>1</v>
      </c>
      <c r="G19" s="77" t="s">
        <v>14</v>
      </c>
      <c r="H19" s="21">
        <v>80</v>
      </c>
      <c r="I19" s="24">
        <v>3</v>
      </c>
      <c r="J19" s="90"/>
      <c r="K19" s="64">
        <v>113</v>
      </c>
      <c r="L19" s="62">
        <v>1</v>
      </c>
    </row>
    <row r="20" spans="1:14" ht="21.95" customHeight="1" x14ac:dyDescent="0.2">
      <c r="A20" s="79"/>
      <c r="B20" s="11">
        <v>18</v>
      </c>
      <c r="C20" s="18">
        <v>2</v>
      </c>
      <c r="D20" s="102"/>
      <c r="E20" s="46">
        <v>48</v>
      </c>
      <c r="F20" s="57">
        <v>2</v>
      </c>
      <c r="G20" s="78"/>
      <c r="H20" s="5">
        <v>81</v>
      </c>
      <c r="I20" s="6">
        <v>1</v>
      </c>
      <c r="J20" s="91" t="s">
        <v>17</v>
      </c>
      <c r="K20" s="3">
        <v>114</v>
      </c>
      <c r="L20" s="35">
        <v>1</v>
      </c>
    </row>
    <row r="21" spans="1:14" ht="21.95" customHeight="1" x14ac:dyDescent="0.2">
      <c r="A21" s="75" t="s">
        <v>5</v>
      </c>
      <c r="B21" s="45">
        <v>19</v>
      </c>
      <c r="C21" s="51">
        <v>3</v>
      </c>
      <c r="D21" s="97" t="s">
        <v>9</v>
      </c>
      <c r="E21" s="10">
        <v>49</v>
      </c>
      <c r="F21" s="19">
        <v>1</v>
      </c>
      <c r="G21" s="78"/>
      <c r="H21" s="5">
        <v>82</v>
      </c>
      <c r="I21" s="6">
        <v>4</v>
      </c>
      <c r="J21" s="92"/>
      <c r="K21" s="4">
        <v>115</v>
      </c>
      <c r="L21" s="6">
        <v>1</v>
      </c>
    </row>
    <row r="22" spans="1:14" ht="21.95" customHeight="1" x14ac:dyDescent="0.2">
      <c r="A22" s="75"/>
      <c r="B22" s="48">
        <v>20</v>
      </c>
      <c r="C22" s="52">
        <v>1</v>
      </c>
      <c r="D22" s="98"/>
      <c r="E22" s="5">
        <v>50</v>
      </c>
      <c r="F22" s="17">
        <v>2</v>
      </c>
      <c r="G22" s="78"/>
      <c r="H22" s="22">
        <v>83</v>
      </c>
      <c r="I22" s="23">
        <v>2</v>
      </c>
      <c r="J22" s="92"/>
      <c r="K22" s="4">
        <v>116</v>
      </c>
      <c r="L22" s="6">
        <v>4</v>
      </c>
    </row>
    <row r="23" spans="1:14" ht="21.95" customHeight="1" x14ac:dyDescent="0.2">
      <c r="A23" s="75"/>
      <c r="B23" s="48">
        <v>21</v>
      </c>
      <c r="C23" s="52">
        <v>3</v>
      </c>
      <c r="D23" s="98"/>
      <c r="E23" s="5">
        <v>51</v>
      </c>
      <c r="F23" s="17">
        <v>5</v>
      </c>
      <c r="G23" s="78"/>
      <c r="H23" s="5">
        <v>84</v>
      </c>
      <c r="I23" s="17">
        <v>5</v>
      </c>
      <c r="J23" s="92"/>
      <c r="K23" s="4">
        <v>117</v>
      </c>
      <c r="L23" s="6">
        <v>4</v>
      </c>
    </row>
    <row r="24" spans="1:14" ht="21.95" customHeight="1" x14ac:dyDescent="0.2">
      <c r="A24" s="75"/>
      <c r="B24" s="48">
        <v>22</v>
      </c>
      <c r="C24" s="52">
        <v>1</v>
      </c>
      <c r="D24" s="98"/>
      <c r="E24" s="5">
        <v>52</v>
      </c>
      <c r="F24" s="20">
        <v>2</v>
      </c>
      <c r="G24" s="78"/>
      <c r="H24" s="5">
        <v>85</v>
      </c>
      <c r="I24" s="6">
        <v>4</v>
      </c>
      <c r="J24" s="92"/>
      <c r="K24" s="4">
        <v>118</v>
      </c>
      <c r="L24" s="6">
        <v>3</v>
      </c>
    </row>
    <row r="25" spans="1:14" ht="21.95" customHeight="1" x14ac:dyDescent="0.2">
      <c r="A25" s="75"/>
      <c r="B25" s="48">
        <v>23</v>
      </c>
      <c r="C25" s="52">
        <v>1</v>
      </c>
      <c r="D25" s="98"/>
      <c r="E25" s="5">
        <v>53</v>
      </c>
      <c r="F25" s="17">
        <v>4</v>
      </c>
      <c r="G25" s="78"/>
      <c r="H25" s="5">
        <v>86</v>
      </c>
      <c r="I25" s="6">
        <v>5</v>
      </c>
      <c r="J25" s="92"/>
      <c r="K25" s="4">
        <v>119</v>
      </c>
      <c r="L25" s="6">
        <v>5</v>
      </c>
    </row>
    <row r="26" spans="1:14" ht="21.95" customHeight="1" x14ac:dyDescent="0.2">
      <c r="A26" s="75"/>
      <c r="B26" s="48">
        <v>24</v>
      </c>
      <c r="C26" s="52">
        <v>4</v>
      </c>
      <c r="D26" s="98"/>
      <c r="E26" s="5">
        <v>54</v>
      </c>
      <c r="F26" s="17">
        <v>3</v>
      </c>
      <c r="G26" s="78"/>
      <c r="H26" s="5">
        <v>87</v>
      </c>
      <c r="I26" s="17">
        <v>3</v>
      </c>
      <c r="J26" s="92"/>
      <c r="K26" s="4">
        <v>120</v>
      </c>
      <c r="L26" s="6">
        <v>5</v>
      </c>
    </row>
    <row r="27" spans="1:14" ht="21.95" customHeight="1" x14ac:dyDescent="0.2">
      <c r="A27" s="75"/>
      <c r="B27" s="48">
        <v>25</v>
      </c>
      <c r="C27" s="52">
        <v>5</v>
      </c>
      <c r="D27" s="98"/>
      <c r="E27" s="5">
        <v>55</v>
      </c>
      <c r="F27" s="17">
        <v>3</v>
      </c>
      <c r="G27" s="78"/>
      <c r="H27" s="5">
        <v>88</v>
      </c>
      <c r="I27" s="17">
        <v>5</v>
      </c>
      <c r="J27" s="92"/>
      <c r="K27" s="4">
        <v>121</v>
      </c>
      <c r="L27" s="6">
        <v>2</v>
      </c>
      <c r="N27" s="16"/>
    </row>
    <row r="28" spans="1:14" ht="21.95" customHeight="1" x14ac:dyDescent="0.2">
      <c r="A28" s="75"/>
      <c r="B28" s="49">
        <v>26</v>
      </c>
      <c r="C28" s="54">
        <v>4</v>
      </c>
      <c r="D28" s="98"/>
      <c r="E28" s="5">
        <v>56</v>
      </c>
      <c r="F28" s="17">
        <v>2</v>
      </c>
      <c r="G28" s="78"/>
      <c r="H28" s="5">
        <v>89</v>
      </c>
      <c r="I28" s="17">
        <v>1</v>
      </c>
      <c r="J28" s="92"/>
      <c r="K28" s="4">
        <v>122</v>
      </c>
      <c r="L28" s="6">
        <v>3</v>
      </c>
    </row>
    <row r="29" spans="1:14" ht="21.95" customHeight="1" x14ac:dyDescent="0.2">
      <c r="A29" s="75"/>
      <c r="B29" s="45">
        <v>27</v>
      </c>
      <c r="C29" s="52">
        <v>2</v>
      </c>
      <c r="D29" s="98"/>
      <c r="E29" s="5">
        <v>57</v>
      </c>
      <c r="F29" s="17">
        <v>5</v>
      </c>
      <c r="G29" s="78"/>
      <c r="H29" s="5">
        <v>90</v>
      </c>
      <c r="I29" s="17">
        <v>2</v>
      </c>
      <c r="J29" s="92"/>
      <c r="K29" s="8">
        <v>123</v>
      </c>
      <c r="L29" s="23">
        <v>4</v>
      </c>
    </row>
    <row r="30" spans="1:14" ht="21.95" customHeight="1" x14ac:dyDescent="0.2">
      <c r="A30" s="75"/>
      <c r="B30" s="48">
        <v>28</v>
      </c>
      <c r="C30" s="52">
        <v>2</v>
      </c>
      <c r="D30" s="99"/>
      <c r="E30" s="11">
        <v>58</v>
      </c>
      <c r="F30" s="18">
        <v>4</v>
      </c>
      <c r="G30" s="78"/>
      <c r="H30" s="26">
        <v>91</v>
      </c>
      <c r="I30" s="17">
        <v>3</v>
      </c>
      <c r="J30" s="92"/>
      <c r="K30" s="2">
        <v>124</v>
      </c>
      <c r="L30" s="6">
        <v>3</v>
      </c>
      <c r="N30" s="14"/>
    </row>
    <row r="31" spans="1:14" ht="21.95" customHeight="1" thickBot="1" x14ac:dyDescent="0.25">
      <c r="A31" s="75"/>
      <c r="B31" s="48">
        <v>29</v>
      </c>
      <c r="C31" s="52">
        <v>5</v>
      </c>
      <c r="D31" s="94" t="s">
        <v>10</v>
      </c>
      <c r="E31" s="45">
        <v>59</v>
      </c>
      <c r="F31" s="39">
        <v>5</v>
      </c>
      <c r="G31" s="78"/>
      <c r="H31" s="26">
        <v>92</v>
      </c>
      <c r="I31" s="17">
        <v>3</v>
      </c>
      <c r="J31" s="93"/>
      <c r="K31" s="31">
        <v>125</v>
      </c>
      <c r="L31" s="7">
        <v>2</v>
      </c>
      <c r="M31" s="14"/>
    </row>
    <row r="32" spans="1:14" ht="21.95" customHeight="1" thickBot="1" x14ac:dyDescent="0.25">
      <c r="A32" s="80"/>
      <c r="B32" s="50">
        <v>30</v>
      </c>
      <c r="C32" s="55">
        <v>4</v>
      </c>
      <c r="D32" s="95"/>
      <c r="E32" s="49">
        <v>60</v>
      </c>
      <c r="F32" s="70">
        <v>4</v>
      </c>
      <c r="G32" s="78"/>
      <c r="H32" s="26">
        <v>93</v>
      </c>
      <c r="I32" s="17">
        <v>2</v>
      </c>
      <c r="J32" s="25"/>
      <c r="K32" s="25"/>
      <c r="L32" s="25"/>
      <c r="M32" s="15"/>
    </row>
    <row r="33" spans="1:13" ht="21.95" customHeight="1" x14ac:dyDescent="0.2">
      <c r="A33" s="32"/>
      <c r="B33" s="28"/>
      <c r="C33" s="28"/>
      <c r="D33" s="95"/>
      <c r="E33" s="48">
        <v>61</v>
      </c>
      <c r="F33" s="56">
        <v>1</v>
      </c>
      <c r="G33" s="78"/>
      <c r="H33" s="26">
        <v>94</v>
      </c>
      <c r="I33" s="17">
        <v>4</v>
      </c>
      <c r="J33" s="25"/>
      <c r="K33" s="25"/>
      <c r="L33" s="25"/>
      <c r="M33" s="15"/>
    </row>
    <row r="34" spans="1:13" ht="21.95" customHeight="1" x14ac:dyDescent="0.2">
      <c r="A34" s="32"/>
      <c r="B34" s="28"/>
      <c r="C34" s="28"/>
      <c r="D34" s="95"/>
      <c r="E34" s="45">
        <v>62</v>
      </c>
      <c r="F34" s="56">
        <v>2</v>
      </c>
      <c r="G34" s="78"/>
      <c r="H34" s="26">
        <v>95</v>
      </c>
      <c r="I34" s="17">
        <v>5</v>
      </c>
      <c r="J34" s="25"/>
      <c r="K34" s="25"/>
      <c r="L34" s="25"/>
      <c r="M34" s="14"/>
    </row>
    <row r="35" spans="1:13" ht="21.95" customHeight="1" thickBot="1" x14ac:dyDescent="0.25">
      <c r="A35" s="32"/>
      <c r="B35" s="28"/>
      <c r="C35" s="28"/>
      <c r="D35" s="96"/>
      <c r="E35" s="58">
        <v>63</v>
      </c>
      <c r="F35" s="59">
        <v>3</v>
      </c>
      <c r="G35" s="84"/>
      <c r="H35" s="29">
        <v>96</v>
      </c>
      <c r="I35" s="7">
        <v>1</v>
      </c>
      <c r="J35" s="25"/>
      <c r="K35" s="25"/>
      <c r="L35" s="25"/>
      <c r="M35" s="14"/>
    </row>
    <row r="36" spans="1:13" ht="21.95" customHeight="1" x14ac:dyDescent="0.2">
      <c r="A36" s="32"/>
      <c r="B36" s="28"/>
      <c r="C36" s="28"/>
      <c r="D36" s="28"/>
      <c r="E36" s="25"/>
      <c r="F36" s="25"/>
      <c r="G36" s="36"/>
      <c r="H36" s="37"/>
      <c r="I36" s="38"/>
      <c r="J36" s="25"/>
      <c r="K36" s="25"/>
      <c r="L36" s="25"/>
      <c r="M36" s="14"/>
    </row>
    <row r="37" spans="1:13" ht="21.95" customHeight="1" x14ac:dyDescent="0.15">
      <c r="D37" s="34"/>
      <c r="J37" s="25"/>
      <c r="K37" s="25"/>
      <c r="L37" s="25"/>
      <c r="M37" s="14"/>
    </row>
    <row r="38" spans="1:13" ht="21.95" customHeight="1" x14ac:dyDescent="0.15">
      <c r="J38" s="25"/>
      <c r="K38" s="25"/>
      <c r="L38" s="25"/>
      <c r="M38" s="14"/>
    </row>
    <row r="39" spans="1:13" ht="21.95" customHeight="1" x14ac:dyDescent="0.15"/>
    <row r="40" spans="1:13" ht="21.95" customHeight="1" x14ac:dyDescent="0.15"/>
  </sheetData>
  <mergeCells count="15">
    <mergeCell ref="A1:L1"/>
    <mergeCell ref="A3:A4"/>
    <mergeCell ref="A5:A8"/>
    <mergeCell ref="A9:A20"/>
    <mergeCell ref="A21:A32"/>
    <mergeCell ref="G3:G12"/>
    <mergeCell ref="G13:G18"/>
    <mergeCell ref="G19:G35"/>
    <mergeCell ref="J3:J11"/>
    <mergeCell ref="J12:J19"/>
    <mergeCell ref="J20:J31"/>
    <mergeCell ref="D31:D35"/>
    <mergeCell ref="D21:D30"/>
    <mergeCell ref="D11:D20"/>
    <mergeCell ref="D3:D10"/>
  </mergeCells>
  <phoneticPr fontId="1"/>
  <printOptions horizontalCentered="1"/>
  <pageMargins left="0.39370078740157483" right="0.39370078740157483" top="0.59055118110236227" bottom="0.19685039370078741" header="0.51181102362204722" footer="0.39370078740157483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解答予想</vt:lpstr>
      <vt:lpstr>解答予想!Print_Area</vt:lpstr>
    </vt:vector>
  </TitlesOfParts>
  <Company>不動岡誠和高校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okuin</dc:creator>
  <cp:lastModifiedBy>髙　附　 永　吉</cp:lastModifiedBy>
  <cp:lastPrinted>2024-01-26T08:56:01Z</cp:lastPrinted>
  <dcterms:created xsi:type="dcterms:W3CDTF">2005-08-05T07:27:38Z</dcterms:created>
  <dcterms:modified xsi:type="dcterms:W3CDTF">2024-02-01T02:59:16Z</dcterms:modified>
</cp:coreProperties>
</file>